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5B091DA" w:rsidR="009000CE" w:rsidRDefault="00ED34AE" w:rsidP="00ED34AE">
                <w:pPr>
                  <w:pStyle w:val="Title"/>
                </w:pPr>
                <w:r>
                  <w:t>&lt;PROJECT NAME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1081F15A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990DAD">
                  <w:t>Harris Huntington, Eric Martin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5B2F9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2-09-05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990DAD">
                  <w:t>September 5, 2022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</w:t>
      </w:r>
      <w:proofErr w:type="gramStart"/>
      <w:r w:rsidR="00ED34AE" w:rsidRPr="00ED34AE">
        <w:rPr>
          <w:color w:val="FF0000"/>
        </w:rPr>
        <w:t>12 month</w:t>
      </w:r>
      <w:proofErr w:type="gramEnd"/>
      <w:r w:rsidR="00ED34AE"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F057790" w14:textId="77777777" w:rsidR="001B4C69" w:rsidRDefault="001B4C69">
      <w:pPr>
        <w:spacing w:after="0" w:line="240" w:lineRule="auto"/>
      </w:pPr>
      <w:r>
        <w:separator/>
      </w:r>
    </w:p>
  </w:endnote>
  <w:endnote w:type="continuationSeparator" w:id="0">
    <w:p w14:paraId="27FB739D" w14:textId="77777777" w:rsidR="001B4C69" w:rsidRDefault="001B4C6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0B87D112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ED34AE">
                <w:t>&lt;PROJECT NAME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990DAD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Harris Huntington, Eric Martin</w:t>
              </w:r>
            </w:sdtContent>
          </w:sdt>
        </w:p>
      </w:tc>
      <w:tc>
        <w:tcPr>
          <w:tcW w:w="4675" w:type="dxa"/>
        </w:tcPr>
        <w:p w14:paraId="66753B50" w14:textId="032128EA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990DAD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971E0DD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ED34AE">
          <w:t>&lt;PROJECT NAM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990DAD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Harris Huntington, Eric Martin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8B10518" w14:textId="77777777" w:rsidR="001B4C69" w:rsidRDefault="001B4C69">
      <w:pPr>
        <w:spacing w:after="0" w:line="240" w:lineRule="auto"/>
      </w:pPr>
      <w:r>
        <w:separator/>
      </w:r>
    </w:p>
  </w:footnote>
  <w:footnote w:type="continuationSeparator" w:id="0">
    <w:p w14:paraId="3D2BF3D9" w14:textId="77777777" w:rsidR="001B4C69" w:rsidRDefault="001B4C69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1B4C69"/>
    <w:rsid w:val="002D4235"/>
    <w:rsid w:val="009000CE"/>
    <w:rsid w:val="0097144C"/>
    <w:rsid w:val="00990DAD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8E2F1F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27</TotalTime>
  <Pages>4</Pages>
  <Words>128</Words>
  <Characters>734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PROJECT NAME&gt; Executive Summary</dc:title>
  <dc:creator>Harris Huntington, Eric Martin</dc:creator>
  <cp:keywords/>
  <cp:lastModifiedBy>Harris Huntington</cp:lastModifiedBy>
  <cp:revision>6</cp:revision>
  <dcterms:created xsi:type="dcterms:W3CDTF">2017-08-28T03:16:00Z</dcterms:created>
  <dcterms:modified xsi:type="dcterms:W3CDTF">2022-09-01T02:10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